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function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0:64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1:0: C0301: Line too long (108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5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94:0: C0301: Line too long (111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3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7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85:4: C0103: Variable name "MTBF" doesn't conform to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snake_cas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naming style (invalid-nam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:0: C0411: standard import "import math" should be placed before "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(wrong-import-order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PS C:\Users\s20153\BSI_zadania&gt; </w:t>
      </w:r>
      <w:proofErr w:type="spellStart"/>
      <w:r>
        <w:rPr>
          <w:rFonts w:ascii="Consolas" w:hAnsi="Consolas"/>
          <w:color w:val="000000"/>
          <w:sz w:val="18"/>
          <w:szCs w:val="18"/>
        </w:rPr>
        <w:t>pytho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-m </w:t>
      </w:r>
      <w:proofErr w:type="spellStart"/>
      <w:r>
        <w:rPr>
          <w:rFonts w:ascii="Consolas" w:hAnsi="Consolas"/>
          <w:color w:val="000000"/>
          <w:sz w:val="18"/>
          <w:szCs w:val="18"/>
        </w:rPr>
        <w:t>pylint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.\utils.py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util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utils.py:1:0: C0114: Missing module docstring (missing-module-docstring) </w:t>
      </w:r>
    </w:p>
    <w:p w:rsid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mai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4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3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401: Wildcard import functions (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3:0: C0103: Constant name "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how_to_call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doesn't conform to UPPER_CASE naming style (invalid-nam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7:8: W0702: No exception type(s) specified (bare-excep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6:23: W0123: Use of eval (eval-used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11: C0121: Comparison 'response != None' should be 'response is not None' (singleton-comparison) </w:t>
      </w: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11: C0123: Use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isinstanc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() rather than type() for a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typecheck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. </w:t>
      </w:r>
      <w:r>
        <w:rPr>
          <w:rFonts w:ascii="Consolas" w:hAnsi="Consolas"/>
          <w:color w:val="000000"/>
          <w:sz w:val="18"/>
          <w:szCs w:val="18"/>
        </w:rPr>
        <w:t>(</w:t>
      </w:r>
      <w:proofErr w:type="spellStart"/>
      <w:r>
        <w:rPr>
          <w:rFonts w:ascii="Consolas" w:hAnsi="Consolas"/>
          <w:color w:val="000000"/>
          <w:sz w:val="18"/>
          <w:szCs w:val="18"/>
        </w:rPr>
        <w:t>unidiomatic-typecheck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math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1_b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2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3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4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1:0: W0614: Unused import z_5 from wildcard import (unused-wildcard-import)</w:t>
      </w:r>
    </w:p>
    <w:p w:rsidR="00E46E22" w:rsidRP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E46E22" w:rsidRDefault="00E46E22">
      <w:r>
        <w:br w:type="page"/>
      </w:r>
    </w:p>
    <w:p w:rsidR="00525D61" w:rsidRDefault="00525D61">
      <w:r>
        <w:lastRenderedPageBreak/>
        <w:t xml:space="preserve">Nie testujemy </w:t>
      </w:r>
      <w:proofErr w:type="spellStart"/>
      <w:r>
        <w:t>main_loop</w:t>
      </w:r>
      <w:proofErr w:type="spellEnd"/>
      <w:r>
        <w:t>. Mamy świadomość zagrożeń, jakie wprowadza, jednak zignorowaliśmy je, gdyż jest to projekt na studia.</w:t>
      </w:r>
    </w:p>
    <w:p w:rsidR="00525D61" w:rsidRDefault="00525D61"/>
    <w:p w:rsidR="00525D61" w:rsidRDefault="00525D61">
      <w:r>
        <w:t>Nie sprawdzamy, czy funkcje rzucają wyjątkami przy podaniu niepoprawnych danych; konkretnie: prawdopodobieństwo poza zakresem (0;1), ujemny czas, lub ilość sztuk. Powodem jest to, że w implementacji funkcji nie ma kodu rzucającego wyjątki. Jedyne rzucone będą wyjątkami związanymi z arytmetyką.</w:t>
      </w:r>
      <w:bookmarkStart w:id="0" w:name="_GoBack"/>
      <w:bookmarkEnd w:id="0"/>
    </w:p>
    <w:sectPr w:rsidR="00525D61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EE"/>
    <w:family w:val="modern"/>
    <w:pitch w:val="fixed"/>
    <w:sig w:usb0="E00006FF" w:usb1="0000FCFF" w:usb2="00000001" w:usb3="00000000" w:csb0="0000019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73C073C"/>
    <w:multiLevelType w:val="multilevel"/>
    <w:tmpl w:val="5A54D6FE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  <w:lvl w:ilvl="1" w:tentative="1">
      <w:start w:val="1"/>
      <w:numFmt w:val="decimal"/>
      <w:lvlText w:val="%2."/>
      <w:lvlJc w:val="left"/>
      <w:pPr>
        <w:tabs>
          <w:tab w:val="num" w:pos="1800"/>
        </w:tabs>
        <w:ind w:left="1800" w:hanging="360"/>
      </w:pPr>
    </w:lvl>
    <w:lvl w:ilvl="2" w:tentative="1">
      <w:start w:val="1"/>
      <w:numFmt w:val="decimal"/>
      <w:lvlText w:val="%3."/>
      <w:lvlJc w:val="left"/>
      <w:pPr>
        <w:tabs>
          <w:tab w:val="num" w:pos="2520"/>
        </w:tabs>
        <w:ind w:left="2520" w:hanging="360"/>
      </w:pPr>
    </w:lvl>
    <w:lvl w:ilvl="3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entative="1">
      <w:start w:val="1"/>
      <w:numFmt w:val="decimal"/>
      <w:lvlText w:val="%5."/>
      <w:lvlJc w:val="left"/>
      <w:pPr>
        <w:tabs>
          <w:tab w:val="num" w:pos="3960"/>
        </w:tabs>
        <w:ind w:left="3960" w:hanging="360"/>
      </w:pPr>
    </w:lvl>
    <w:lvl w:ilvl="5" w:tentative="1">
      <w:start w:val="1"/>
      <w:numFmt w:val="decimal"/>
      <w:lvlText w:val="%6."/>
      <w:lvlJc w:val="left"/>
      <w:pPr>
        <w:tabs>
          <w:tab w:val="num" w:pos="4680"/>
        </w:tabs>
        <w:ind w:left="4680" w:hanging="360"/>
      </w:pPr>
    </w:lvl>
    <w:lvl w:ilvl="6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entative="1">
      <w:start w:val="1"/>
      <w:numFmt w:val="decimal"/>
      <w:lvlText w:val="%8."/>
      <w:lvlJc w:val="left"/>
      <w:pPr>
        <w:tabs>
          <w:tab w:val="num" w:pos="6120"/>
        </w:tabs>
        <w:ind w:left="6120" w:hanging="360"/>
      </w:pPr>
    </w:lvl>
    <w:lvl w:ilvl="8" w:tentative="1">
      <w:start w:val="1"/>
      <w:numFmt w:val="decimal"/>
      <w:lvlText w:val="%9."/>
      <w:lvlJc w:val="left"/>
      <w:pPr>
        <w:tabs>
          <w:tab w:val="num" w:pos="6840"/>
        </w:tabs>
        <w:ind w:left="6840" w:hanging="360"/>
      </w:pPr>
    </w:lvl>
  </w:abstractNum>
  <w:abstractNum w:abstractNumId="1" w15:restartNumberingAfterBreak="0">
    <w:nsid w:val="59CD48C8"/>
    <w:multiLevelType w:val="multilevel"/>
    <w:tmpl w:val="D71E21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25D61"/>
    <w:rsid w:val="00525D61"/>
    <w:rsid w:val="00E46E2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6F9F9CC7"/>
  <w15:chartTrackingRefBased/>
  <w15:docId w15:val="{C18BF232-2650-4446-B787-BEFDF69534E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pl-PL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li1">
    <w:name w:val="li1"/>
    <w:basedOn w:val="Normal"/>
    <w:rsid w:val="00E46E2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203846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25874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23504844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1679214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223887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0238613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441580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3031713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91240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610136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466201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616659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737298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58958434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7472962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83302672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7302875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684580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9956930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1835323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9749182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644105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0085026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4258464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500197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0163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395621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914973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  <w:div w:id="1601521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18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57825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2874157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6793575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61511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44835333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557652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1553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8802668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413216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3626536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8437335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6030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082855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084362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904940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9021341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46590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638698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3337688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7903375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4</TotalTime>
  <Pages>2</Pages>
  <Words>485</Words>
  <Characters>2911</Characters>
  <Application>Microsoft Office Word</Application>
  <DocSecurity>0</DocSecurity>
  <Lines>24</Lines>
  <Paragraphs>6</Paragraphs>
  <ScaleCrop>false</ScaleCrop>
  <Company>PJATK</Company>
  <LinksUpToDate>false</LinksUpToDate>
  <CharactersWithSpaces>339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onstanty Krzemień</dc:creator>
  <cp:keywords/>
  <dc:description/>
  <cp:lastModifiedBy>Konstanty Krzemień</cp:lastModifiedBy>
  <cp:revision>2</cp:revision>
  <dcterms:created xsi:type="dcterms:W3CDTF">2021-11-17T16:50:00Z</dcterms:created>
  <dcterms:modified xsi:type="dcterms:W3CDTF">2021-11-17T17:47:00Z</dcterms:modified>
</cp:coreProperties>
</file>